
<file path=[Content_Types].xml><?xml version="1.0" encoding="utf-8"?>
<Types xmlns="http://schemas.openxmlformats.org/package/2006/content-types">
  <Default Extension="png" ContentType="image/png"/>
  <Default Extension="m4a" ContentType="audio/mp4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5"/>
  </p:notesMasterIdLst>
  <p:sldIdLst>
    <p:sldId id="260" r:id="rId2"/>
    <p:sldId id="258" r:id="rId3"/>
    <p:sldId id="259" r:id="rId4"/>
  </p:sldIdLst>
  <p:sldSz cx="12192000" cy="6858000"/>
  <p:notesSz cx="6858000" cy="9144000"/>
  <p:custDataLst>
    <p:tags r:id="rId6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000" autoAdjust="0"/>
    <p:restoredTop sz="94660"/>
  </p:normalViewPr>
  <p:slideViewPr>
    <p:cSldViewPr snapToGrid="0">
      <p:cViewPr varScale="1">
        <p:scale>
          <a:sx n="73" d="100"/>
          <a:sy n="73" d="100"/>
        </p:scale>
        <p:origin x="618" y="7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AC27D3F5-1C7D-41B8-A294-2A12A50B44F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4B22BD3-69DC-45B1-B2E3-5F16DC8A435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329555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4B22BD3-69DC-45B1-B2E3-5F16DC8A4354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066975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4B22BD3-69DC-45B1-B2E3-5F16DC8A4354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5593735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4B22BD3-69DC-45B1-B2E3-5F16DC8A4354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6498685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5580503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8296004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81073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7297396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1166087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8447469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6791073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6807995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983181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4834441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7026847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EB16215-83E7-4906-9F4C-FCDAA0354991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F5F9100-24B5-413F-8257-6D7EED09541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321085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audio" Target="../media/media1.m4a"/><Relationship Id="rId7" Type="http://schemas.openxmlformats.org/officeDocument/2006/relationships/image" Target="../media/image2.png"/><Relationship Id="rId2" Type="http://schemas.microsoft.com/office/2007/relationships/media" Target="../media/media1.m4a"/><Relationship Id="rId1" Type="http://schemas.openxmlformats.org/officeDocument/2006/relationships/tags" Target="../tags/tag2.xml"/><Relationship Id="rId6" Type="http://schemas.openxmlformats.org/officeDocument/2006/relationships/image" Target="../media/image1.jpg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microsoft.com/office/2007/relationships/media" Target="../media/media2.m4a"/><Relationship Id="rId7" Type="http://schemas.openxmlformats.org/officeDocument/2006/relationships/image" Target="../media/image2.png"/><Relationship Id="rId2" Type="http://schemas.openxmlformats.org/officeDocument/2006/relationships/audio" Target="NULL" TargetMode="External"/><Relationship Id="rId1" Type="http://schemas.openxmlformats.org/officeDocument/2006/relationships/tags" Target="../tags/tag4.xml"/><Relationship Id="rId6" Type="http://schemas.openxmlformats.org/officeDocument/2006/relationships/image" Target="../media/image5.png"/><Relationship Id="rId5" Type="http://schemas.openxmlformats.org/officeDocument/2006/relationships/notesSlide" Target="../notesSlides/notesSlide3.xml"/><Relationship Id="rId4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" name="Content Placeholder 5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7132321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2413678" y="1535020"/>
            <a:ext cx="5732659" cy="1461939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ào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ừng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ến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ội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i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</a:p>
          <a:p>
            <a:pPr algn="ctr"/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r>
              <a:rPr lang="en-US" sz="32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an </a:t>
            </a:r>
            <a:r>
              <a:rPr lang="en-US" sz="32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oàn</a:t>
            </a:r>
            <a:endParaRPr lang="en-US" sz="3200" b="1" dirty="0" smtClean="0">
              <a:solidFill>
                <a:srgbClr val="00206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ộ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uổi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5-6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uổi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endParaRPr lang="en-US" sz="2500" b="1" dirty="0">
              <a:solidFill>
                <a:srgbClr val="00206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TextBox 5"/>
          <p:cNvSpPr txBox="1"/>
          <p:nvPr/>
        </p:nvSpPr>
        <p:spPr>
          <a:xfrm>
            <a:off x="2509406" y="4131108"/>
            <a:ext cx="6325001" cy="86177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ịnh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gọc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ích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+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ần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500" b="1" dirty="0" err="1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ằng</a:t>
            </a:r>
            <a:endParaRPr lang="en-US" sz="2500" b="1" dirty="0" smtClean="0">
              <a:solidFill>
                <a:srgbClr val="00206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ường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ầm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non </a:t>
            </a:r>
            <a:r>
              <a:rPr lang="en-US" sz="2500" b="1" dirty="0" err="1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iên</a:t>
            </a:r>
            <a:r>
              <a:rPr lang="en-US" sz="2500" b="1" dirty="0" smtClean="0">
                <a:solidFill>
                  <a:srgbClr val="00206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Minh</a:t>
            </a:r>
            <a:endParaRPr lang="en-US" sz="2500" b="1" dirty="0">
              <a:solidFill>
                <a:srgbClr val="00206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7" name="Recorded Sound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6400800" y="-1378624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088336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8953"/>
    </mc:Choice>
    <mc:Fallback xmlns="">
      <p:transition advTm="8953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wd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iterate type="wd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75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2" dur="5995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</p:childTnLst>
        </p:cTn>
      </p:par>
    </p:tnLst>
    <p:bldLst>
      <p:bldP spid="5" grpId="0"/>
      <p:bldP spid="6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0" name="ISPRING_QUIZ_SHAPE3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40591634"/>
      </p:ext>
    </p:extLst>
  </p:cSld>
  <p:clrMapOvr>
    <a:masterClrMapping/>
  </p:clrMapOvr>
  <p:transition spd="slow" advTm="80364">
    <p:push dir="u"/>
  </p:transition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Content Placeholder 5"/>
          <p:cNvPicPr>
            <a:picLocks noGrp="1" noChangeAspect="1"/>
          </p:cNvPicPr>
          <p:nvPr>
            <p:ph idx="1"/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" y="0"/>
            <a:ext cx="12192000" cy="6941574"/>
          </a:xfr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TextBox 4"/>
          <p:cNvSpPr txBox="1"/>
          <p:nvPr/>
        </p:nvSpPr>
        <p:spPr>
          <a:xfrm>
            <a:off x="2762583" y="1917933"/>
            <a:ext cx="9078685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5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in </a:t>
            </a:r>
            <a:r>
              <a:rPr lang="en-US" sz="4500" b="1" dirty="0" err="1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ào</a:t>
            </a:r>
            <a:r>
              <a:rPr lang="en-US" sz="45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500" b="1" dirty="0" err="1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45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500" b="1" dirty="0" err="1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ẹn</a:t>
            </a:r>
            <a:r>
              <a:rPr lang="en-US" sz="45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500" b="1" dirty="0" err="1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ặp</a:t>
            </a:r>
            <a:r>
              <a:rPr lang="en-US" sz="45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500" b="1" dirty="0" err="1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45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500" b="1" dirty="0" err="1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45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500" b="1" dirty="0" err="1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45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!</a:t>
            </a:r>
            <a:endParaRPr lang="en-US" sz="4500" b="1" dirty="0">
              <a:solidFill>
                <a:srgbClr val="C0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3" name="Recorded Sound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15"/>
                </p14:media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5486399" y="-974727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4592293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4533"/>
    </mc:Choice>
    <mc:Fallback xmlns="">
      <p:transition spd="med" advTm="14533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8500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  <p:bldLst>
      <p:bldP spid="5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71444D4F-7742-4688-9E3A-362C8F8D5490}"/>
  <p:tag name="ISPRING_PROJECT_VERSION" val="9.3"/>
  <p:tag name="ISPRING_PROJECT_FOLDER_UPDATED" val="1"/>
  <p:tag name="ISPRING_WEBLINKS_TARGET" val="_blank"/>
  <p:tag name="ISPRING_WEBLINKS_TARGETMJT" val="_self"/>
  <p:tag name="ISPRING_FIRST_PUBLISH" val="1"/>
  <p:tag name="ISPRING_LMS_API_VERSION" val="SCORM 2004 (4th edition)"/>
  <p:tag name="ISPRING_ULTRA_SCORM_COURSE_ID" val="B624EFCE-6587-4154-B98F-5088C90E846E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80.000000"/>
  <p:tag name="ISPRING-SUITE_ISPRING_CURRENT_PLAYER_ID" val="universal"/>
  <p:tag name="ISPRING_DEFAULT_PRESENTE_ID" val="{E8483A1A-F4FF-45D4-AE18-DB5759F60C2C}"/>
  <p:tag name="ISPRING_PRESENTER_PHOTO_0" val="jpg|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"/>
  <p:tag name="ISPRING_PRESENTERDATA_0" val="VHLhu4tuaCBOZ+G7jWMgQmljaA==||aG9hbmdwaHVvbmd2dTg3ODFAZ21haWwuY29t||e0U4NDgzQTFBLUY0RkYtNDVENC1BRTE4LURCNTc1OUY2MEMyQ30=|VHLGsOG7nW5nIG3huqdtIG5vbiBUacOqbiBNaW5o|SVNQUklOR19QUkVTRU5URVJfUEhPVE9fMA==|MA==|||MDcwNTU4MDIwNA=="/>
  <p:tag name="ISPRING_PRESENTERDATA_1" val="dHLhu4tuaCBuZ+G7jWMgYsOtY2g=||aG9hbmdwaHVvbmd2dTg3ODFAZ21haWwuY29t||ezc4OTMwNDFFLTI2RDgtNEYzOS1BM0NELTVCNkFGOUVFNkFCNX0=|dHLGsOG7nW5nIG3huqdtIG5vbiB0acOqbiBtaW5o||MA==|||MDcwNTU4MDIwNA=="/>
  <p:tag name="FLASHSPRING_PRESENTATION_REFERENCES" val=""/>
  <p:tag name="ISPRING_PRESENTATION_COURSE_TITLE" val="Bé tham gia giao thông an toàn"/>
  <p:tag name="FLASHSPRING_ZOOM_TAG" val="83"/>
  <p:tag name="ISPRING_PRESENTATION_INFO_2" val="&lt;?xml version=&quot;1.0&quot; encoding=&quot;UTF-8&quot; standalone=&quot;no&quot; ?&gt;&#10;&lt;presentation2&gt;&#10;&#10;  &lt;slides&gt;&#10;    &lt;slide id=&quot;{B906E0EB-D8FA-4FD3-9F45-75966628447A}&quot; pptId=&quot;260&quot;/&gt;&#10;    &lt;slide id=&quot;{E8BBA67B-A7B4-4F6B-BE1E-4D430F55690E}&quot; pptId=&quot;258&quot;/&gt;&#10;    &lt;slide id=&quot;{FB3D972C-E21C-4A0E-ADDB-8BFDA060E6B2}&quot; pptId=&quot;259&quot;/&gt;&#10;  &lt;/slides&gt;&#10;&#10;  &lt;narration&gt;&#10;    &lt;audioTracks&gt;&#10;      &lt;audioTrack muted=&quot;false&quot; name=&quot;NHẠC KHỞI ĐỘNG CHO TIẾT HỌC&quot; resource=&quot;8b5f8b5b&quot; slideId=&quot;{B906E0EB-D8FA-4FD3-9F45-75966628447A}&quot; startTime=&quot;0&quot; stepIndex=&quot;0&quot; volume=&quot;1&quot;&gt;&#10;        &lt;audio channels=&quot;2&quot; format=&quot;fltp&quot; sampleRate=&quot;44100&quot;/&gt;&#10;      &lt;/audioTrack&gt;&#10;    &lt;/audioTracks&gt;&#10;    &lt;videoTracks/&gt;&#10;  &lt;/narration&gt;&#10;&#10;&lt;/presentation2&gt;&#10;"/>
  <p:tag name="ISPRING_SCREEN_RECS_UPDATED" val="D:\TÀI LIỆU NĂM 23-24\dự thi atgt\TN bé thi an toan gt [Autosaved]\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true,&quot;showNextButton&quot;:true,&quot;showOutline&quot;:false,&quot;showPlayPause&quot;:true,&quot;showPlaybackRateButton&quot;:true,&quot;showPrevButton&quot;:true,&quot;showRewind&quot;:tru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,&quot;outline&quot;],&quot;buttonsAtLeft&quot;:fals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Tiếp theo&quot;,&quot;PB_CONTROL_PANEL_OUTLINE&quot;:&quot;Outline&quot;,&quot;PB_CONTROL_PANEL_PREV&quot;:&quot;Quay lại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Ghi chú&quot;,&quot;PB_TAB_OUTLINE_LABEL&quot;:&quot;Mục lục&quot;,&quot;PB_TIME_RESTRICTION&quot;:&quot;Sorry, the content author has prohibited viewing the presentation at this time.&quot;,&quot;PB_TITLE_PANEL_ATTACHMENTS&quot;:&quot;Đính kèm&quot;,&quot;PB_TITLE_PANEL_MARKER_TOOLS&quot;:&quot;Công cụ đánh dấu&quot;,&quot;PB_TITLE_PANEL_NOTES&quot;:&quot;Ghi chú&quot;,&quot;PB_TITLE_PANEL_OUTLINE&quot;:&quot;Mục lục&quot;,&quot;PB_TITLE_PANEL_PRESENTER_INFO&quot;:&quot;Tác giả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Search…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Search…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Search…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Search…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Search…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Search…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}}},&quot;ceipData&quot;:{&quot;enableMiniSkinCustomization&quot;:true,&quot;playerLayout&quot;:&quot;builtin.fullPlayer&quot;,&quot;playerLayoutFooter&quot;:&quot;playAndPause,acceleration,notes,replay,fullscreen,volumeControl,slideNumber,goToPrev,goToNext&quot;,&quot;playerLayoutHeader&quot;:&quot;resources,markerTools,presenterInfo,outline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RESOURCE_FOLDER" val="C:\Users\My PC\Desktop\drag and drog\TN bé thi an toan gt [Autosaved] [Autosaved]\"/>
  <p:tag name="ISPRING_PRESENTATION_PATH" val="C:\Users\My PC\Desktop\drag and drog\TN bé thi an toan gt [Autosaved] [Autosaved]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ULTRA_SCORM_COURCE_TITLE" val="TC1-TN BÉ THAM GIA GTAT 5-6 TUỔI"/>
  <p:tag name="ISPRING_OUTPUT_FOLDER" val="[[&quot;\uFFFD\u000B\uFFFD\u0000{1D1B421B-A32A-4B51-B900-AE908F48DE6C}&quot;,&quot;C:\\Users\\My PC\\Desktop\\FILE ĐÃ PUSLISH ATGT\\TC1-TN BÉ THAM GIA GTAT 5-6 TUỔI&quot;]]"/>
  <p:tag name="ISPRING_PRESENTATION_TITLE" val="TC1-TN BÉ THAM GIA GTAT 5-6 TUỔI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D_2" val="{B906E0EB-D8FA-4FD3-9F45-75966628447A}"/>
  <p:tag name="GENSWF_ADVANCE_TIME" val="8.953"/>
  <p:tag name="ISPRING_SLIDE_INDENT_LEVEL" val="0"/>
  <p:tag name="GENSWF_SLIDE_UID" val="{205A1AEE-8291-4BC3-9CD7-165B8584AB6E}:26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GENSWF_SLIDE_UID" val="{CEAC0B84-D2DA-4C48-8C31-02124A336CCE}:258"/>
  <p:tag name="ISPRING_CUSTOM_TIMING_USED" val="1"/>
  <p:tag name="ISPRING_SLIDE_ID_2" val="{E8BBA67B-A7B4-4F6B-BE1E-4D430F55690E}"/>
  <p:tag name="GENSWF_ADVANCE_TIME" val="80.364"/>
  <p:tag name="ISPRING_SLIDE_INDENT_LEVEL" val="0"/>
  <p:tag name="ISPRING_QUIZ_FULL_PATH" val="C:\Users\My PC\Desktop\drag and drog\TN bé thi an toan gt [Autosaved] [Autosaved]\quiz\quiz2.quiz"/>
  <p:tag name="ISPRING_QUIZ_RELATIVE_PATH" val="TN bé thi an toan gt [Autosaved] [Autosaved]\quiz\quiz2.quiz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27D1E687-BEA1-4182-BEE0-6D93A671FF17}:259"/>
  <p:tag name="ISPRING_SLIDE_ID_2" val="{FB3D972C-E21C-4A0E-ADDB-8BFDA060E6B2}"/>
  <p:tag name="GENSWF_ADVANCE_TIME" val="14.533"/>
  <p:tag name="ISPRING_SLIDE_INDENT_LEVEL" val="0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531</TotalTime>
  <Words>58</Words>
  <Application>Microsoft Office PowerPoint</Application>
  <PresentationFormat>Widescreen</PresentationFormat>
  <Paragraphs>11</Paragraphs>
  <Slides>3</Slides>
  <Notes>3</Notes>
  <HiddenSlides>0</HiddenSlides>
  <MMClips>2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0" baseType="lpstr">
      <vt:lpstr>Arial</vt:lpstr>
      <vt:lpstr>Calibri</vt:lpstr>
      <vt:lpstr>Calibri Light</vt:lpstr>
      <vt:lpstr>Segoe UI</vt:lpstr>
      <vt:lpstr>Segoe UI Semibold</vt:lpstr>
      <vt:lpstr>Times New Roman</vt:lpstr>
      <vt:lpstr>Office Theme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C1-TN BÉ THAM GIA GTAT 5-6 TUỔI</dc:title>
  <dc:creator>My PC</dc:creator>
  <cp:lastModifiedBy>My PC</cp:lastModifiedBy>
  <cp:revision>129</cp:revision>
  <dcterms:created xsi:type="dcterms:W3CDTF">2024-01-06T14:10:07Z</dcterms:created>
  <dcterms:modified xsi:type="dcterms:W3CDTF">2024-01-15T03:03:26Z</dcterms:modified>
</cp:coreProperties>
</file>